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24011" autoAdjust="0"/>
    <p:restoredTop sz="94660"/>
  </p:normalViewPr>
  <p:slideViewPr>
    <p:cSldViewPr snapToGrid="0" snapToObjects="1">
      <p:cViewPr>
        <p:scale>
          <a:sx n="100" d="100"/>
          <a:sy n="100" d="100"/>
        </p:scale>
        <p:origin x="-1168" y="528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7" Type="http://schemas.openxmlformats.org/officeDocument/2006/relationships/image" Target="../media/image4.png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3.png"/><Relationship Id="rId5" Type="http://schemas.openxmlformats.org/officeDocument/2006/relationships/image" Target="../media/image2.png"/><Relationship Id="rId4" Type="http://schemas.openxmlformats.org/officeDocument/2006/relationships/slideLayout" Target="../slideLayouts/slideLayout1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alpha val="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AU" sz="1400" dirty="0"/>
              <a:t>Leading beer producer, spirits, and non-alcoholic beverages in Singapore and Malaysia. </a:t>
            </a:r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92808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Producer of beer, spirits, and non-alcoholic beverages based in Asia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Operations: manufacturing, distribution, and direct sales in Singapore (HQ), Malaysia (manufacturing in Malaysia is outsourced to Brew Co.), and China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Majority Owner and co-founder due to looking to exit with no close family to inherit the business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Strengths: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Largest Beer and Spirits company in Singapore &amp; Malaysia.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Largest non-alcoholic beverages in Malaysia.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Developed a strong supply chain with strong relationship with distribution. 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AU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41605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23561" y="4556304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 Notes on </a:t>
            </a:r>
            <a:r>
              <a:rPr lang="en-AU" sz="800" dirty="0" err="1">
                <a:solidFill>
                  <a:schemeClr val="tx2"/>
                </a:solidFill>
                <a:latin typeface="Arial" panose="020B0604020202020204" pitchFamily="34" charset="0"/>
              </a:rPr>
              <a:t>HappyHour</a:t>
            </a: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 Co. v3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pic>
        <p:nvPicPr>
          <p:cNvPr id="3" name="Picture 2" descr="A pie chart with text&#10;&#10;Description automatically generated">
            <a:extLst>
              <a:ext uri="{FF2B5EF4-FFF2-40B4-BE49-F238E27FC236}">
                <a16:creationId xmlns:a16="http://schemas.microsoft.com/office/drawing/2014/main" id="{EA0A5305-C923-E47F-E093-28171CC836AB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979423" y="4556304"/>
            <a:ext cx="3080275" cy="1500134"/>
          </a:xfrm>
          <a:prstGeom prst="rect">
            <a:avLst/>
          </a:prstGeom>
        </p:spPr>
      </p:pic>
      <p:pic>
        <p:nvPicPr>
          <p:cNvPr id="5" name="Picture 4" descr="A close-up of a number&#10;&#10;Description automatically generated">
            <a:extLst>
              <a:ext uri="{FF2B5EF4-FFF2-40B4-BE49-F238E27FC236}">
                <a16:creationId xmlns:a16="http://schemas.microsoft.com/office/drawing/2014/main" id="{4AA5060F-D2AE-D15B-18AF-39E1C973F390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623560" y="2043296"/>
            <a:ext cx="4211695" cy="2364112"/>
          </a:xfrm>
          <a:prstGeom prst="rect">
            <a:avLst/>
          </a:prstGeom>
        </p:spPr>
      </p:pic>
      <p:pic>
        <p:nvPicPr>
          <p:cNvPr id="7" name="Picture 6" descr="A white and blue background with black text&#10;&#10;Description automatically generated">
            <a:extLst>
              <a:ext uri="{FF2B5EF4-FFF2-40B4-BE49-F238E27FC236}">
                <a16:creationId xmlns:a16="http://schemas.microsoft.com/office/drawing/2014/main" id="{8B017A25-7657-05E1-4113-CDBA1FC27891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709234" y="4958246"/>
            <a:ext cx="4108042" cy="1567803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99107444"/>
              </p:ext>
            </p:extLst>
          </p:nvPr>
        </p:nvGraphicFramePr>
        <p:xfrm>
          <a:off x="913379" y="1745511"/>
          <a:ext cx="8861879" cy="452139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Mar 9, 2020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ccess to Indicative Bid Documents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Valuation: Initial valuation analysis based on indicative bid documents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ructure and financing: Begin financial discussion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pprovals: Collect and confirm required approvals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9am Apr 9, 2020 – 5pm Apr 13, 2020 (HKT)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Q&amp;A Submissions Due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5pm May 13, 2020 (HKT)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Due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Late May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art of Final Bid Phase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Release of Process Letter Two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ite visit &amp; management presentations: Organize site visit and presentation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Due diligence: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Tx/>
                        <a:buChar char="-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nduct due diligence based on new information collected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Tx/>
                        <a:buChar char="-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Organize Q&amp;A submission.</a:t>
                      </a:r>
                      <a:b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</a:br>
                      <a:b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</a:br>
                      <a:b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</a:b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Valuation: Finalize valuation based on the financial forecast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Tx/>
                        <a:buChar char="-"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Tx/>
                        <a:buChar char="-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ncing: Confirm source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Tx/>
                        <a:buChar char="-"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Tx/>
                        <a:buChar char="-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pprovals: Commence preparing application for internal </a:t>
                      </a:r>
                      <a:r>
                        <a:rPr lang="en-US" sz="900" b="0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regulatory approvals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Late July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 Bid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08</TotalTime>
  <Words>282</Words>
  <Application>Microsoft Macintosh PowerPoint</Application>
  <PresentationFormat>Custom</PresentationFormat>
  <Paragraphs>50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Arial Narrow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Trang Bui</cp:lastModifiedBy>
  <cp:revision>20</cp:revision>
  <dcterms:created xsi:type="dcterms:W3CDTF">2020-04-17T12:29:06Z</dcterms:created>
  <dcterms:modified xsi:type="dcterms:W3CDTF">2024-03-27T18:55:31Z</dcterms:modified>
</cp:coreProperties>
</file>